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0" yWindow="0" windowWidth="20490" windowHeight="7560"/>
  </bookViews>
  <sheets>
    <sheet name="中学校（川崎市）" sheetId="1" r:id="rId1"/>
  </sheets>
  <definedNames>
    <definedName name="_xlnm.Print_Area" localSheetId="0">'中学校（川崎市）'!$B$2:$I$56</definedName>
    <definedName name="_xlnm.Print_Titles" localSheetId="0">'中学校（川崎市）'!$4:$4</definedName>
  </definedNames>
  <calcPr calcId="125725"/>
</workbook>
</file>

<file path=xl/sharedStrings.xml><?xml version="1.0" encoding="utf-8"?>
<sst xmlns="http://schemas.openxmlformats.org/spreadsheetml/2006/main" count="337" uniqueCount="283">
  <si>
    <t>（本校8校）</t>
    <rPh sb="1" eb="3">
      <t>ホンコウ</t>
    </rPh>
    <rPh sb="4" eb="5">
      <t>コウ</t>
    </rPh>
    <phoneticPr fontId="1"/>
  </si>
  <si>
    <t>川崎市</t>
    <rPh sb="0" eb="3">
      <t>カワサキシ</t>
    </rPh>
    <phoneticPr fontId="1"/>
  </si>
  <si>
    <t>川崎区</t>
    <rPh sb="0" eb="2">
      <t>カワサキ</t>
    </rPh>
    <rPh sb="2" eb="3">
      <t>ク</t>
    </rPh>
    <phoneticPr fontId="1"/>
  </si>
  <si>
    <t>川崎市立大師中学校</t>
    <rPh sb="0" eb="2">
      <t>カワサキ</t>
    </rPh>
    <rPh sb="2" eb="4">
      <t>イチリツ</t>
    </rPh>
    <phoneticPr fontId="2"/>
  </si>
  <si>
    <t>210-0811</t>
  </si>
  <si>
    <t>川崎市川崎区大師河原2-1-1</t>
  </si>
  <si>
    <t>210-0828</t>
  </si>
  <si>
    <t>川崎市川崎区四谷上町24-1</t>
  </si>
  <si>
    <t>210-0804</t>
  </si>
  <si>
    <t>川崎市川崎区藤崎2-19-1</t>
  </si>
  <si>
    <t>210-0832</t>
  </si>
  <si>
    <t>川崎市川崎区池上新町1-2-4</t>
  </si>
  <si>
    <t>210-0851</t>
  </si>
  <si>
    <t>川崎市川崎区浜町2-11-22</t>
  </si>
  <si>
    <t>210-0846</t>
  </si>
  <si>
    <t>川崎市川崎区小田2-21-7</t>
  </si>
  <si>
    <t>210-0848</t>
  </si>
  <si>
    <t>川崎市川崎区京町3-19-11</t>
  </si>
  <si>
    <t>210-0841</t>
  </si>
  <si>
    <t>川崎市川崎区渡田向町11-1</t>
  </si>
  <si>
    <t>210-0011</t>
  </si>
  <si>
    <t>川崎市川崎区富士見2-1-2</t>
  </si>
  <si>
    <t>幸区</t>
    <rPh sb="0" eb="2">
      <t>サイワイク</t>
    </rPh>
    <phoneticPr fontId="1"/>
  </si>
  <si>
    <t>212-0012</t>
  </si>
  <si>
    <t>川崎市幸区中幸町4-31</t>
  </si>
  <si>
    <t>（本校5校）</t>
    <rPh sb="1" eb="3">
      <t>ホンコウ</t>
    </rPh>
    <rPh sb="4" eb="5">
      <t>コウ</t>
    </rPh>
    <phoneticPr fontId="1"/>
  </si>
  <si>
    <t>212-0005</t>
  </si>
  <si>
    <t>川崎市幸区戸手4-2-1</t>
  </si>
  <si>
    <t>212-0024</t>
  </si>
  <si>
    <t>川崎市幸区塚越1-60</t>
  </si>
  <si>
    <t>212-0057</t>
  </si>
  <si>
    <t>川崎市幸区北加瀬2-3-1</t>
  </si>
  <si>
    <t>212-0055</t>
  </si>
  <si>
    <t>川崎市幸区南加瀬3-10-1</t>
  </si>
  <si>
    <t>中原区</t>
    <rPh sb="0" eb="3">
      <t>ナカハラク</t>
    </rPh>
    <phoneticPr fontId="1"/>
  </si>
  <si>
    <t>211-0013</t>
  </si>
  <si>
    <t>川崎市中原区上平間1368</t>
  </si>
  <si>
    <t>211-0012</t>
  </si>
  <si>
    <t>川崎市中原区中丸子562</t>
  </si>
  <si>
    <t>211-0021</t>
  </si>
  <si>
    <t>211-0036</t>
  </si>
  <si>
    <t>川崎市中原区井田杉山町11-1</t>
  </si>
  <si>
    <t>211-0065</t>
  </si>
  <si>
    <t>211-0062</t>
  </si>
  <si>
    <t>川崎市中原区小杉陣屋町1-24-1</t>
  </si>
  <si>
    <t>211-0051</t>
  </si>
  <si>
    <t>川崎市中原区宮内4-13-1</t>
  </si>
  <si>
    <t>211-0041</t>
  </si>
  <si>
    <t>川崎市中原区下小田中2-17-1</t>
  </si>
  <si>
    <t>高津区</t>
    <rPh sb="0" eb="3">
      <t>タカツク</t>
    </rPh>
    <phoneticPr fontId="1"/>
  </si>
  <si>
    <t>213-0023</t>
  </si>
  <si>
    <t>213-0022</t>
  </si>
  <si>
    <t>川崎市高津区千年1300</t>
  </si>
  <si>
    <t>213-0011</t>
  </si>
  <si>
    <t>川崎市高津区久本3-11-2</t>
  </si>
  <si>
    <t>213-0013</t>
  </si>
  <si>
    <t>213-0032</t>
  </si>
  <si>
    <t>宮前区</t>
    <rPh sb="0" eb="3">
      <t>ミヤマエク</t>
    </rPh>
    <phoneticPr fontId="1"/>
  </si>
  <si>
    <t>216-0033</t>
  </si>
  <si>
    <t>川崎市宮前区宮崎107</t>
  </si>
  <si>
    <t>216-0003</t>
  </si>
  <si>
    <t>川崎市宮前区有馬7-7-1</t>
  </si>
  <si>
    <t>216-0006</t>
  </si>
  <si>
    <t>川崎市宮前区宮前平2-7</t>
  </si>
  <si>
    <t>216-0031</t>
  </si>
  <si>
    <t>川崎市宮前区神木本町5-11-1</t>
  </si>
  <si>
    <t>216-0022</t>
  </si>
  <si>
    <t>川崎市宮前区平3-15-1</t>
  </si>
  <si>
    <t>216-0015</t>
  </si>
  <si>
    <t>川崎市宮前区菅生2-10-1</t>
  </si>
  <si>
    <t>216-0011</t>
  </si>
  <si>
    <t>川崎市宮前区犬蔵1-10-1</t>
  </si>
  <si>
    <t>多摩区</t>
    <rPh sb="0" eb="3">
      <t>タマク</t>
    </rPh>
    <phoneticPr fontId="1"/>
  </si>
  <si>
    <t>214-0021</t>
  </si>
  <si>
    <t>川崎市多摩区宿河原4-1-1</t>
  </si>
  <si>
    <t>川崎市多摩区枡形1-22-1</t>
  </si>
  <si>
    <t>214-0012</t>
  </si>
  <si>
    <t>川崎市多摩区中野島1-16-1</t>
  </si>
  <si>
    <t>214-0004</t>
  </si>
  <si>
    <t>川崎市多摩区菅馬場4-1-1</t>
  </si>
  <si>
    <t>214-0007</t>
  </si>
  <si>
    <t>川崎市多摩区菅城下28-1</t>
  </si>
  <si>
    <t>214-0034</t>
  </si>
  <si>
    <t>川崎市多摩区三田2-5420-2</t>
  </si>
  <si>
    <t>214-0036</t>
  </si>
  <si>
    <t>川崎市多摩区南生田3-4-1</t>
  </si>
  <si>
    <t>麻生区</t>
    <rPh sb="0" eb="2">
      <t>アサオ</t>
    </rPh>
    <rPh sb="2" eb="3">
      <t>ク</t>
    </rPh>
    <phoneticPr fontId="1"/>
  </si>
  <si>
    <t>215-0003</t>
  </si>
  <si>
    <t>川崎市麻生区高石3-25-1</t>
  </si>
  <si>
    <t>215-0006</t>
  </si>
  <si>
    <t>川崎市麻生区金程3-16-1</t>
  </si>
  <si>
    <t>215-0012</t>
  </si>
  <si>
    <t>川崎市麻生区東百合丘4-12-1</t>
  </si>
  <si>
    <t>川崎市立麻生中学校</t>
    <rPh sb="0" eb="2">
      <t>カワサキ</t>
    </rPh>
    <rPh sb="2" eb="4">
      <t>イチリツ</t>
    </rPh>
    <phoneticPr fontId="2"/>
  </si>
  <si>
    <t>215-0021</t>
  </si>
  <si>
    <t>川崎市麻生区上麻生4-39-1</t>
  </si>
  <si>
    <t>川崎市麻生区上麻生6-40-1</t>
  </si>
  <si>
    <t>215-0024</t>
  </si>
  <si>
    <t>川崎市麻生区白鳥1-5-1</t>
  </si>
  <si>
    <t>川崎市立はるひ野中学校</t>
    <rPh sb="0" eb="2">
      <t>カワサキ</t>
    </rPh>
    <rPh sb="2" eb="4">
      <t>イチリツ</t>
    </rPh>
    <rPh sb="7" eb="8">
      <t>ノ</t>
    </rPh>
    <phoneticPr fontId="2"/>
  </si>
  <si>
    <t>川崎市麻生区はるひ野4-8-1</t>
    <rPh sb="0" eb="3">
      <t>カワサキシ</t>
    </rPh>
    <rPh sb="3" eb="6">
      <t>アサオク</t>
    </rPh>
    <rPh sb="9" eb="10">
      <t>ノ</t>
    </rPh>
    <phoneticPr fontId="2"/>
  </si>
  <si>
    <t>川崎市立王禅寺中央中学校</t>
    <rPh sb="0" eb="2">
      <t>カワサキ</t>
    </rPh>
    <rPh sb="2" eb="4">
      <t>シリツ</t>
    </rPh>
    <rPh sb="4" eb="7">
      <t>オウゼンジ</t>
    </rPh>
    <rPh sb="7" eb="9">
      <t>チュウオウ</t>
    </rPh>
    <rPh sb="9" eb="12">
      <t>チュウガッコウ</t>
    </rPh>
    <phoneticPr fontId="2"/>
  </si>
  <si>
    <t>215-0018</t>
  </si>
  <si>
    <t>川崎市麻生区王禅寺東4-14-2</t>
  </si>
  <si>
    <t>市町村</t>
    <rPh sb="0" eb="3">
      <t>シチョウソン</t>
    </rPh>
    <phoneticPr fontId="1"/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（本校7校）</t>
    <rPh sb="1" eb="3">
      <t>ホンコウ</t>
    </rPh>
    <rPh sb="4" eb="5">
      <t>コウ</t>
    </rPh>
    <phoneticPr fontId="1"/>
  </si>
  <si>
    <t>（本校11校）</t>
    <rPh sb="1" eb="3">
      <t>ホンコウ</t>
    </rPh>
    <rPh sb="5" eb="6">
      <t>コウ</t>
    </rPh>
    <phoneticPr fontId="1"/>
  </si>
  <si>
    <t>よみがな</t>
    <phoneticPr fontId="1"/>
  </si>
  <si>
    <t>(044)266-5791</t>
  </si>
  <si>
    <t>(044)266-2125</t>
  </si>
  <si>
    <t>(044)222-5707</t>
  </si>
  <si>
    <t>(044)288-7188</t>
  </si>
  <si>
    <t>(044)333-5537</t>
  </si>
  <si>
    <t>(044)322-2027</t>
  </si>
  <si>
    <t>(044)333-2127</t>
  </si>
  <si>
    <t>(044)244-4702</t>
  </si>
  <si>
    <t>(044)233-4186</t>
  </si>
  <si>
    <t>(044)511-2413</t>
  </si>
  <si>
    <t>(044)522-3404</t>
  </si>
  <si>
    <t>(044)511-0458</t>
  </si>
  <si>
    <t>(044)588-4552</t>
  </si>
  <si>
    <t>(044)588-6428</t>
  </si>
  <si>
    <t>(044)511-3502</t>
  </si>
  <si>
    <t>(044)411-2639</t>
  </si>
  <si>
    <t>(044)411-3358</t>
  </si>
  <si>
    <t>(044)766-3393</t>
  </si>
  <si>
    <t>(044)722-9292</t>
  </si>
  <si>
    <t>(044)722-3396</t>
  </si>
  <si>
    <t>(044)766-3470</t>
  </si>
  <si>
    <t>(044)777-2239</t>
  </si>
  <si>
    <t>(044)766-1649</t>
  </si>
  <si>
    <t>(044)777-6715</t>
  </si>
  <si>
    <t>(044)822-2331</t>
  </si>
  <si>
    <t>(044)833-2882</t>
  </si>
  <si>
    <t>(044)822-2487</t>
  </si>
  <si>
    <t>(044)877-2601</t>
  </si>
  <si>
    <t>(044)766-3821</t>
  </si>
  <si>
    <t>(044)855-7913</t>
  </si>
  <si>
    <t>(044)855-3214</t>
  </si>
  <si>
    <t>(044)866-2875</t>
  </si>
  <si>
    <t>(044)976-3666</t>
  </si>
  <si>
    <t>(044)977-8787</t>
  </si>
  <si>
    <t>(044)977-0604</t>
  </si>
  <si>
    <t>(044)911-4224</t>
  </si>
  <si>
    <t>(044)900-1304</t>
  </si>
  <si>
    <t>(044)944-4734</t>
  </si>
  <si>
    <t>(044)944-5307</t>
  </si>
  <si>
    <t>(044)944-8002</t>
  </si>
  <si>
    <t>(044)911-4201</t>
  </si>
  <si>
    <t>(044)954-5613</t>
  </si>
  <si>
    <t>(044)966-8515</t>
  </si>
  <si>
    <t>(044)951-2141</t>
  </si>
  <si>
    <t>(044)954-5611</t>
  </si>
  <si>
    <t>(044)954-2957</t>
  </si>
  <si>
    <t>(044)988-0004</t>
  </si>
  <si>
    <t>(044)988-9701</t>
  </si>
  <si>
    <t>(044)980-5211</t>
  </si>
  <si>
    <t>(044)987-0066</t>
  </si>
  <si>
    <t>だいし</t>
    <phoneticPr fontId="1"/>
  </si>
  <si>
    <t>-</t>
    <phoneticPr fontId="1"/>
  </si>
  <si>
    <t>川崎市立南大師中学校</t>
    <phoneticPr fontId="2"/>
  </si>
  <si>
    <t>みなみだいし</t>
    <phoneticPr fontId="2"/>
  </si>
  <si>
    <t>川崎市立川中島中学校</t>
    <phoneticPr fontId="2"/>
  </si>
  <si>
    <t>かわなかじま</t>
    <phoneticPr fontId="2"/>
  </si>
  <si>
    <t>川崎市立桜本中学校</t>
    <phoneticPr fontId="2"/>
  </si>
  <si>
    <t>さくらもと</t>
    <phoneticPr fontId="2"/>
  </si>
  <si>
    <t>川崎市立臨港中学校</t>
    <phoneticPr fontId="2"/>
  </si>
  <si>
    <t>りんこう</t>
    <phoneticPr fontId="2"/>
  </si>
  <si>
    <t>川崎市立田島中学校</t>
    <phoneticPr fontId="2"/>
  </si>
  <si>
    <t>たじま</t>
    <phoneticPr fontId="1"/>
  </si>
  <si>
    <t>川崎市立京町中学校</t>
    <phoneticPr fontId="2"/>
  </si>
  <si>
    <t>きょうまち</t>
    <phoneticPr fontId="2"/>
  </si>
  <si>
    <t>川崎市立渡田中学校</t>
    <phoneticPr fontId="2"/>
  </si>
  <si>
    <t>わたりだ</t>
    <phoneticPr fontId="2"/>
  </si>
  <si>
    <t>川崎市立富士見中学校</t>
    <phoneticPr fontId="2"/>
  </si>
  <si>
    <t>ふじみ</t>
    <phoneticPr fontId="1"/>
  </si>
  <si>
    <t>川崎市立南河原中学校</t>
    <phoneticPr fontId="2"/>
  </si>
  <si>
    <t>みなみがわら</t>
    <phoneticPr fontId="2"/>
  </si>
  <si>
    <t>川崎市立御幸中学校</t>
    <phoneticPr fontId="2"/>
  </si>
  <si>
    <t>みゆき</t>
    <phoneticPr fontId="1"/>
  </si>
  <si>
    <t>川崎市立塚越中学校</t>
    <phoneticPr fontId="2"/>
  </si>
  <si>
    <t>つかごし</t>
    <phoneticPr fontId="2"/>
  </si>
  <si>
    <t>川崎市立日吉中学校</t>
    <phoneticPr fontId="2"/>
  </si>
  <si>
    <t>ひよし</t>
    <phoneticPr fontId="1"/>
  </si>
  <si>
    <t>川崎市立南加瀬中学校</t>
    <phoneticPr fontId="2"/>
  </si>
  <si>
    <t>みなみかせ</t>
    <phoneticPr fontId="2"/>
  </si>
  <si>
    <t>川崎市立平間中学校</t>
    <phoneticPr fontId="2"/>
  </si>
  <si>
    <t>ひらま</t>
    <phoneticPr fontId="1"/>
  </si>
  <si>
    <t>川崎市立玉川中学校</t>
    <phoneticPr fontId="2"/>
  </si>
  <si>
    <t>ぎょくせん</t>
    <phoneticPr fontId="2"/>
  </si>
  <si>
    <t>川崎市立住吉中学校</t>
    <phoneticPr fontId="2"/>
  </si>
  <si>
    <t>すみよし</t>
    <phoneticPr fontId="2"/>
  </si>
  <si>
    <t>川崎市中原区木月住吉町27-1</t>
    <phoneticPr fontId="2"/>
  </si>
  <si>
    <t>川崎市立井田中学校</t>
    <phoneticPr fontId="2"/>
  </si>
  <si>
    <t>いだ</t>
    <phoneticPr fontId="1"/>
  </si>
  <si>
    <t>川崎市立今井中学校</t>
    <phoneticPr fontId="2"/>
  </si>
  <si>
    <t>いまい</t>
    <phoneticPr fontId="1"/>
  </si>
  <si>
    <t>川崎市立中原中学校</t>
    <phoneticPr fontId="2"/>
  </si>
  <si>
    <t>なかはら</t>
    <phoneticPr fontId="2"/>
  </si>
  <si>
    <t>川崎市立宮内中学校</t>
    <phoneticPr fontId="2"/>
  </si>
  <si>
    <t>みやうち</t>
    <phoneticPr fontId="2"/>
  </si>
  <si>
    <t>川崎市立西中原中学校</t>
    <phoneticPr fontId="2"/>
  </si>
  <si>
    <t>にしなかはら</t>
    <phoneticPr fontId="2"/>
  </si>
  <si>
    <t>川崎市立東橘中学校</t>
    <phoneticPr fontId="2"/>
  </si>
  <si>
    <t>ひがしたちばな</t>
    <phoneticPr fontId="2"/>
  </si>
  <si>
    <t>川崎市立橘中学校</t>
    <phoneticPr fontId="2"/>
  </si>
  <si>
    <t>たちばな</t>
    <phoneticPr fontId="2"/>
  </si>
  <si>
    <t>川崎市立高津中学校</t>
    <phoneticPr fontId="2"/>
  </si>
  <si>
    <t>たかつ</t>
    <phoneticPr fontId="1"/>
  </si>
  <si>
    <t>川崎市立東高津中学校</t>
    <phoneticPr fontId="2"/>
  </si>
  <si>
    <t>ひがしたかつ</t>
    <phoneticPr fontId="2"/>
  </si>
  <si>
    <t>川崎市立西高津中学校</t>
    <phoneticPr fontId="2"/>
  </si>
  <si>
    <t>にしたかつ</t>
    <phoneticPr fontId="2"/>
  </si>
  <si>
    <t>川崎市立宮崎中学校</t>
    <phoneticPr fontId="2"/>
  </si>
  <si>
    <t>みやざき</t>
    <phoneticPr fontId="2"/>
  </si>
  <si>
    <t>川崎市立野川中学校</t>
    <phoneticPr fontId="2"/>
  </si>
  <si>
    <t>のがわ</t>
    <phoneticPr fontId="1"/>
  </si>
  <si>
    <t>川崎市立有馬中学校</t>
    <phoneticPr fontId="2"/>
  </si>
  <si>
    <t>ありま</t>
    <phoneticPr fontId="1"/>
  </si>
  <si>
    <t>川崎市立宮前平中学校</t>
    <phoneticPr fontId="2"/>
  </si>
  <si>
    <t>みやまえだいら</t>
    <phoneticPr fontId="2"/>
  </si>
  <si>
    <t>川崎市立向丘中学校</t>
    <phoneticPr fontId="2"/>
  </si>
  <si>
    <t>むかいがおか</t>
    <phoneticPr fontId="2"/>
  </si>
  <si>
    <t>川崎市立平中学校</t>
    <phoneticPr fontId="2"/>
  </si>
  <si>
    <t>たいら</t>
    <phoneticPr fontId="2"/>
  </si>
  <si>
    <t>川崎市立菅生中学校</t>
    <phoneticPr fontId="2"/>
  </si>
  <si>
    <t>すがお</t>
    <phoneticPr fontId="2"/>
  </si>
  <si>
    <t>川崎市立犬蔵中学校</t>
    <phoneticPr fontId="2"/>
  </si>
  <si>
    <t>いぬくら</t>
    <phoneticPr fontId="2"/>
  </si>
  <si>
    <t>川崎市立稲田中学校</t>
    <phoneticPr fontId="2"/>
  </si>
  <si>
    <t>いなだ</t>
    <phoneticPr fontId="1"/>
  </si>
  <si>
    <t>川崎市立枡形中学校</t>
    <phoneticPr fontId="2"/>
  </si>
  <si>
    <t>ますがた</t>
    <phoneticPr fontId="2"/>
  </si>
  <si>
    <t>川崎市立中野島中学校</t>
    <phoneticPr fontId="2"/>
  </si>
  <si>
    <t>なかのしま</t>
    <phoneticPr fontId="2"/>
  </si>
  <si>
    <t>川崎市立南菅中学校</t>
    <phoneticPr fontId="2"/>
  </si>
  <si>
    <t>みなみすげ</t>
    <phoneticPr fontId="2"/>
  </si>
  <si>
    <t>川崎市立菅中学校</t>
    <phoneticPr fontId="2"/>
  </si>
  <si>
    <t>すげ</t>
    <phoneticPr fontId="2"/>
  </si>
  <si>
    <t>川崎市立生田中学校</t>
    <phoneticPr fontId="2"/>
  </si>
  <si>
    <t>いくた</t>
    <phoneticPr fontId="1"/>
  </si>
  <si>
    <t>川崎市立南生田中学校</t>
    <phoneticPr fontId="2"/>
  </si>
  <si>
    <t>みなみいくた</t>
    <phoneticPr fontId="2"/>
  </si>
  <si>
    <t>川崎市立西生田中学校</t>
    <phoneticPr fontId="2"/>
  </si>
  <si>
    <t>にしいくた</t>
    <phoneticPr fontId="2"/>
  </si>
  <si>
    <t>川崎市立金程中学校</t>
    <phoneticPr fontId="2"/>
  </si>
  <si>
    <t>かなほど</t>
    <phoneticPr fontId="2"/>
  </si>
  <si>
    <t>川崎市立長沢中学校</t>
    <phoneticPr fontId="2"/>
  </si>
  <si>
    <t>ながさわ</t>
    <phoneticPr fontId="2"/>
  </si>
  <si>
    <t>あさお</t>
    <phoneticPr fontId="2"/>
  </si>
  <si>
    <t>川崎市立柿生中学校</t>
    <phoneticPr fontId="2"/>
  </si>
  <si>
    <t>かきお</t>
    <phoneticPr fontId="1"/>
  </si>
  <si>
    <t>川崎市立白鳥中学校</t>
    <phoneticPr fontId="2"/>
  </si>
  <si>
    <t>しらとり</t>
    <phoneticPr fontId="1"/>
  </si>
  <si>
    <t>川崎市立川崎中学校</t>
    <phoneticPr fontId="1"/>
  </si>
  <si>
    <t>かわさき</t>
    <phoneticPr fontId="1"/>
  </si>
  <si>
    <t>210-0025</t>
    <phoneticPr fontId="1"/>
  </si>
  <si>
    <t>川崎市川崎区下並木50</t>
    <phoneticPr fontId="1"/>
  </si>
  <si>
    <t>(044)222-7186</t>
    <phoneticPr fontId="1"/>
  </si>
  <si>
    <t>かわさきこうとうがっこうふぞく</t>
    <phoneticPr fontId="1"/>
  </si>
  <si>
    <t>210-0806</t>
    <phoneticPr fontId="1"/>
  </si>
  <si>
    <t>川崎市川崎区中島3-3-1</t>
    <rPh sb="0" eb="3">
      <t>カワサキシ</t>
    </rPh>
    <rPh sb="3" eb="6">
      <t>カワサキク</t>
    </rPh>
    <phoneticPr fontId="1"/>
  </si>
  <si>
    <t>中学校（川崎市）</t>
    <rPh sb="0" eb="3">
      <t>チュウガッコウ</t>
    </rPh>
    <rPh sb="4" eb="7">
      <t>カワサキシ</t>
    </rPh>
    <phoneticPr fontId="1"/>
  </si>
  <si>
    <t>ファクシミリ</t>
    <phoneticPr fontId="1"/>
  </si>
  <si>
    <t>216-0044</t>
    <phoneticPr fontId="1"/>
  </si>
  <si>
    <t>おうぜんじちゅうおう</t>
  </si>
  <si>
    <t>-</t>
  </si>
  <si>
    <t>はるひの</t>
  </si>
  <si>
    <t>215-0036</t>
  </si>
  <si>
    <r>
      <t>（本校5</t>
    </r>
    <r>
      <rPr>
        <sz val="11"/>
        <rFont val="ＭＳ Ｐゴシック"/>
        <family val="3"/>
        <charset val="128"/>
      </rPr>
      <t>2校）</t>
    </r>
    <rPh sb="1" eb="3">
      <t>ホンコウ</t>
    </rPh>
    <rPh sb="5" eb="6">
      <t>コウ</t>
    </rPh>
    <phoneticPr fontId="1"/>
  </si>
  <si>
    <r>
      <t>川崎高等学校</t>
    </r>
    <r>
      <rPr>
        <sz val="11"/>
        <rFont val="ＭＳ Ｐゴシック"/>
        <family val="3"/>
        <charset val="128"/>
      </rPr>
      <t>附属中学校</t>
    </r>
    <rPh sb="0" eb="2">
      <t>カワサキ</t>
    </rPh>
    <rPh sb="2" eb="4">
      <t>コウトウ</t>
    </rPh>
    <rPh sb="4" eb="6">
      <t>ガッコウ</t>
    </rPh>
    <rPh sb="6" eb="8">
      <t>フゾク</t>
    </rPh>
    <rPh sb="8" eb="11">
      <t>チュウガッコウ</t>
    </rPh>
    <phoneticPr fontId="1"/>
  </si>
  <si>
    <r>
      <t>川崎市中原区今井仲町7</t>
    </r>
    <r>
      <rPr>
        <sz val="11"/>
        <rFont val="ＭＳ Ｐゴシック"/>
        <family val="3"/>
        <charset val="128"/>
      </rPr>
      <t>-1</t>
    </r>
    <phoneticPr fontId="1"/>
  </si>
  <si>
    <r>
      <t>川崎市高津区末長</t>
    </r>
    <r>
      <rPr>
        <sz val="11"/>
        <rFont val="ＭＳ Ｐゴシック"/>
        <family val="3"/>
        <charset val="128"/>
      </rPr>
      <t>４‐１‐１</t>
    </r>
    <phoneticPr fontId="1"/>
  </si>
  <si>
    <r>
      <t>川崎市高津区久地1</t>
    </r>
    <r>
      <rPr>
        <sz val="11"/>
        <rFont val="ＭＳ Ｐゴシック"/>
        <family val="3"/>
        <charset val="128"/>
      </rPr>
      <t>-10-1</t>
    </r>
    <phoneticPr fontId="2"/>
  </si>
  <si>
    <r>
      <t>川崎市宮前区</t>
    </r>
    <r>
      <rPr>
        <sz val="11"/>
        <rFont val="ＭＳ Ｐゴシック"/>
        <family val="3"/>
        <charset val="128"/>
      </rPr>
      <t>西野川2-2-1</t>
    </r>
    <rPh sb="6" eb="8">
      <t>ニシノ</t>
    </rPh>
    <rPh sb="8" eb="9">
      <t>ガワ</t>
    </rPh>
    <phoneticPr fontId="1"/>
  </si>
  <si>
    <r>
      <rPr>
        <sz val="11"/>
        <rFont val="ＭＳ Ｐゴシック"/>
        <family val="3"/>
        <charset val="128"/>
      </rPr>
      <t>(044)246-7861</t>
    </r>
    <phoneticPr fontId="1"/>
  </si>
  <si>
    <r>
      <t>川崎市高津区子母口7</t>
    </r>
    <r>
      <rPr>
        <sz val="11"/>
        <rFont val="ＭＳ Ｐゴシック"/>
        <family val="3"/>
        <charset val="128"/>
      </rPr>
      <t>30</t>
    </r>
    <phoneticPr fontId="1"/>
  </si>
  <si>
    <r>
      <t>21</t>
    </r>
    <r>
      <rPr>
        <sz val="11"/>
        <rFont val="ＭＳ Ｐゴシック"/>
        <family val="3"/>
        <charset val="128"/>
      </rPr>
      <t>4-0032</t>
    </r>
    <phoneticPr fontId="2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30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54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Alignment="1">
      <alignment horizontal="center"/>
    </xf>
    <xf numFmtId="0" fontId="3" fillId="0" borderId="0" xfId="0" applyFont="1" applyFill="1" applyBorder="1" applyAlignment="1">
      <alignment vertical="center"/>
    </xf>
    <xf numFmtId="0" fontId="0" fillId="2" borderId="26" xfId="0" applyFont="1" applyFill="1" applyBorder="1" applyAlignment="1">
      <alignment horizontal="center" vertical="center"/>
    </xf>
    <xf numFmtId="0" fontId="0" fillId="0" borderId="0" xfId="0" applyFont="1" applyFill="1"/>
    <xf numFmtId="0" fontId="0" fillId="0" borderId="27" xfId="0" applyNumberFormat="1" applyFont="1" applyFill="1" applyBorder="1" applyAlignment="1">
      <alignment horizontal="center" vertical="center" shrinkToFit="1"/>
    </xf>
    <xf numFmtId="0" fontId="0" fillId="0" borderId="18" xfId="0" applyNumberFormat="1" applyFont="1" applyFill="1" applyBorder="1" applyAlignment="1">
      <alignment horizontal="center" vertical="center" shrinkToFit="1"/>
    </xf>
    <xf numFmtId="0" fontId="0" fillId="0" borderId="17" xfId="0" applyNumberFormat="1" applyFont="1" applyFill="1" applyBorder="1" applyAlignment="1">
      <alignment horizontal="left" vertical="center" shrinkToFit="1"/>
    </xf>
    <xf numFmtId="0" fontId="0" fillId="0" borderId="16" xfId="0" applyNumberFormat="1" applyFont="1" applyFill="1" applyBorder="1" applyAlignment="1">
      <alignment horizontal="left" vertical="center" shrinkToFit="1"/>
    </xf>
    <xf numFmtId="0" fontId="0" fillId="0" borderId="17" xfId="0" applyNumberFormat="1" applyFont="1" applyFill="1" applyBorder="1" applyAlignment="1">
      <alignment horizontal="center" vertical="center" shrinkToFit="1"/>
    </xf>
    <xf numFmtId="0" fontId="0" fillId="0" borderId="16" xfId="0" applyNumberFormat="1" applyFont="1" applyFill="1" applyBorder="1" applyAlignment="1">
      <alignment vertical="center" shrinkToFit="1"/>
    </xf>
    <xf numFmtId="0" fontId="0" fillId="0" borderId="16" xfId="0" applyNumberFormat="1" applyFont="1" applyFill="1" applyBorder="1" applyAlignment="1">
      <alignment horizontal="center" vertical="center" shrinkToFit="1"/>
    </xf>
    <xf numFmtId="0" fontId="0" fillId="0" borderId="28" xfId="0" applyNumberFormat="1" applyFont="1" applyFill="1" applyBorder="1" applyAlignment="1">
      <alignment horizontal="center" vertical="center" shrinkToFit="1"/>
    </xf>
    <xf numFmtId="0" fontId="0" fillId="0" borderId="12" xfId="0" applyNumberFormat="1" applyFont="1" applyFill="1" applyBorder="1" applyAlignment="1">
      <alignment horizontal="center" vertical="center" shrinkToFit="1"/>
    </xf>
    <xf numFmtId="0" fontId="0" fillId="0" borderId="13" xfId="0" applyNumberFormat="1" applyFont="1" applyFill="1" applyBorder="1" applyAlignment="1">
      <alignment horizontal="center" vertical="center" shrinkToFit="1"/>
    </xf>
    <xf numFmtId="0" fontId="0" fillId="0" borderId="4" xfId="0" applyNumberFormat="1" applyFont="1" applyFill="1" applyBorder="1" applyAlignment="1">
      <alignment horizontal="left" vertical="center" shrinkToFit="1"/>
    </xf>
    <xf numFmtId="0" fontId="0" fillId="0" borderId="5" xfId="0" applyNumberFormat="1" applyFont="1" applyFill="1" applyBorder="1" applyAlignment="1">
      <alignment horizontal="left" vertical="center" shrinkToFit="1"/>
    </xf>
    <xf numFmtId="0" fontId="0" fillId="0" borderId="6" xfId="0" applyNumberFormat="1" applyFont="1" applyFill="1" applyBorder="1" applyAlignment="1">
      <alignment horizontal="center" vertical="center" shrinkToFit="1"/>
    </xf>
    <xf numFmtId="0" fontId="0" fillId="0" borderId="5" xfId="0" applyNumberFormat="1" applyFont="1" applyFill="1" applyBorder="1" applyAlignment="1">
      <alignment vertical="center" shrinkToFit="1"/>
    </xf>
    <xf numFmtId="0" fontId="0" fillId="0" borderId="5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0" fillId="0" borderId="22" xfId="0" applyNumberFormat="1" applyFont="1" applyFill="1" applyBorder="1" applyAlignment="1">
      <alignment horizontal="left" vertical="center" shrinkToFit="1"/>
    </xf>
    <xf numFmtId="0" fontId="0" fillId="0" borderId="2" xfId="0" applyNumberFormat="1" applyFont="1" applyFill="1" applyBorder="1" applyAlignment="1">
      <alignment horizontal="left" vertical="center" shrinkToFit="1"/>
    </xf>
    <xf numFmtId="0" fontId="0" fillId="0" borderId="0" xfId="0" applyNumberFormat="1" applyFont="1" applyFill="1" applyBorder="1" applyAlignment="1">
      <alignment horizontal="center" vertical="center" shrinkToFit="1"/>
    </xf>
    <xf numFmtId="0" fontId="0" fillId="0" borderId="2" xfId="0" applyNumberFormat="1" applyFont="1" applyFill="1" applyBorder="1" applyAlignment="1">
      <alignment vertical="center" shrinkToFit="1"/>
    </xf>
    <xf numFmtId="0" fontId="0" fillId="0" borderId="2" xfId="0" applyNumberFormat="1" applyFont="1" applyFill="1" applyBorder="1" applyAlignment="1">
      <alignment horizontal="center" vertical="center" shrinkToFit="1"/>
    </xf>
    <xf numFmtId="0" fontId="0" fillId="0" borderId="23" xfId="0" applyNumberFormat="1" applyFont="1" applyFill="1" applyBorder="1" applyAlignment="1">
      <alignment horizontal="center" vertical="center" shrinkToFit="1"/>
    </xf>
    <xf numFmtId="0" fontId="0" fillId="0" borderId="1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horizontal="center" vertical="center" shrinkToFit="1"/>
    </xf>
    <xf numFmtId="0" fontId="0" fillId="0" borderId="20" xfId="0" applyNumberFormat="1" applyFont="1" applyFill="1" applyBorder="1" applyAlignment="1">
      <alignment horizontal="left" vertical="center" shrinkToFit="1"/>
    </xf>
    <xf numFmtId="0" fontId="0" fillId="0" borderId="19" xfId="0" applyNumberFormat="1" applyFont="1" applyFill="1" applyBorder="1" applyAlignment="1">
      <alignment horizontal="left" vertical="center" shrinkToFit="1"/>
    </xf>
    <xf numFmtId="0" fontId="0" fillId="0" borderId="21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vertical="center" shrinkToFit="1"/>
    </xf>
    <xf numFmtId="0" fontId="0" fillId="0" borderId="29" xfId="0" applyNumberFormat="1" applyFont="1" applyFill="1" applyBorder="1" applyAlignment="1">
      <alignment horizontal="center" vertical="center" shrinkToFit="1"/>
    </xf>
    <xf numFmtId="0" fontId="0" fillId="0" borderId="0" xfId="0" applyNumberFormat="1" applyFont="1" applyFill="1" applyBorder="1" applyAlignment="1">
      <alignment horizontal="left" vertical="center" shrinkToFit="1"/>
    </xf>
    <xf numFmtId="0" fontId="0" fillId="0" borderId="3" xfId="0" applyNumberFormat="1" applyFont="1" applyFill="1" applyBorder="1" applyAlignment="1">
      <alignment horizontal="center" vertical="center" shrinkToFit="1"/>
    </xf>
    <xf numFmtId="0" fontId="0" fillId="0" borderId="21" xfId="0" applyNumberFormat="1" applyFont="1" applyFill="1" applyBorder="1" applyAlignment="1">
      <alignment horizontal="left" vertical="center" shrinkToFit="1"/>
    </xf>
    <xf numFmtId="0" fontId="0" fillId="0" borderId="15" xfId="0" applyNumberFormat="1" applyFont="1" applyFill="1" applyBorder="1" applyAlignment="1">
      <alignment horizontal="center" vertical="center" shrinkToFit="1"/>
    </xf>
    <xf numFmtId="0" fontId="0" fillId="0" borderId="8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horizontal="left" vertical="center" shrinkToFit="1"/>
    </xf>
    <xf numFmtId="0" fontId="0" fillId="0" borderId="8" xfId="0" applyNumberFormat="1" applyFont="1" applyFill="1" applyBorder="1" applyAlignment="1">
      <alignment horizontal="left" vertical="center" shrinkToFit="1"/>
    </xf>
    <xf numFmtId="0" fontId="0" fillId="0" borderId="9" xfId="0" applyNumberFormat="1" applyFont="1" applyFill="1" applyBorder="1" applyAlignment="1">
      <alignment horizontal="center" vertical="center" shrinkToFit="1"/>
    </xf>
    <xf numFmtId="0" fontId="0" fillId="0" borderId="8" xfId="0" applyNumberFormat="1" applyFont="1" applyFill="1" applyBorder="1" applyAlignment="1">
      <alignment vertical="center" shrinkToFit="1"/>
    </xf>
    <xf numFmtId="0" fontId="0" fillId="0" borderId="10" xfId="0" applyNumberFormat="1" applyFont="1" applyFill="1" applyBorder="1" applyAlignment="1">
      <alignment horizontal="center" vertical="center" shrinkToFit="1"/>
    </xf>
    <xf numFmtId="0" fontId="0" fillId="0" borderId="0" xfId="0" applyFont="1"/>
    <xf numFmtId="0" fontId="0" fillId="0" borderId="0" xfId="0" applyFont="1" applyAlignment="1">
      <alignment horizontal="center"/>
    </xf>
    <xf numFmtId="0" fontId="0" fillId="0" borderId="0" xfId="0" applyFont="1" applyFill="1" applyAlignment="1">
      <alignment horizontal="center"/>
    </xf>
    <xf numFmtId="0" fontId="0" fillId="2" borderId="25" xfId="0" applyFont="1" applyFill="1" applyBorder="1" applyAlignment="1">
      <alignment horizontal="center" vertical="center"/>
    </xf>
    <xf numFmtId="0" fontId="0" fillId="2" borderId="11" xfId="0" applyFont="1" applyFill="1" applyBorder="1" applyAlignment="1">
      <alignment horizontal="center" vertical="center"/>
    </xf>
    <xf numFmtId="0" fontId="0" fillId="2" borderId="24" xfId="0" applyFont="1" applyFill="1" applyBorder="1" applyAlignment="1">
      <alignment horizontal="center" vertical="center"/>
    </xf>
    <xf numFmtId="0" fontId="0" fillId="2" borderId="14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J56"/>
  <sheetViews>
    <sheetView showGridLines="0" tabSelected="1" zoomScaleNormal="100" zoomScaleSheetLayoutView="100" workbookViewId="0">
      <pane ySplit="4" topLeftCell="A5" activePane="bottomLeft" state="frozen"/>
      <selection pane="bottomLeft" activeCell="H3" sqref="H3:I3"/>
    </sheetView>
  </sheetViews>
  <sheetFormatPr defaultRowHeight="13" x14ac:dyDescent="0.2"/>
  <cols>
    <col min="1" max="1" width="1.26953125" style="2" customWidth="1"/>
    <col min="2" max="2" width="12" style="48" customWidth="1"/>
    <col min="3" max="3" width="13.90625" style="48" customWidth="1"/>
    <col min="4" max="4" width="25.26953125" style="46" customWidth="1"/>
    <col min="5" max="5" width="26.7265625" style="46" customWidth="1"/>
    <col min="6" max="6" width="9.453125" style="46" customWidth="1"/>
    <col min="7" max="7" width="28.26953125" style="46" customWidth="1"/>
    <col min="8" max="8" width="16.36328125" style="46" customWidth="1"/>
    <col min="9" max="9" width="16.36328125" style="47" customWidth="1"/>
    <col min="10" max="10" width="9" style="2"/>
  </cols>
  <sheetData>
    <row r="2" spans="1:10" x14ac:dyDescent="0.2">
      <c r="B2" s="4" t="s">
        <v>266</v>
      </c>
      <c r="C2" s="4"/>
      <c r="F2" s="47"/>
      <c r="H2" s="47"/>
    </row>
    <row r="3" spans="1:10" ht="13.5" thickBot="1" x14ac:dyDescent="0.25">
      <c r="F3" s="47"/>
      <c r="H3" s="53" t="s">
        <v>282</v>
      </c>
      <c r="I3" s="53"/>
    </row>
    <row r="4" spans="1:10" s="1" customFormat="1" ht="30" customHeight="1" x14ac:dyDescent="0.2">
      <c r="A4" s="3"/>
      <c r="B4" s="51" t="s">
        <v>104</v>
      </c>
      <c r="C4" s="52"/>
      <c r="D4" s="49" t="s">
        <v>105</v>
      </c>
      <c r="E4" s="50" t="s">
        <v>111</v>
      </c>
      <c r="F4" s="49" t="s">
        <v>106</v>
      </c>
      <c r="G4" s="50" t="s">
        <v>107</v>
      </c>
      <c r="H4" s="50" t="s">
        <v>108</v>
      </c>
      <c r="I4" s="5" t="s">
        <v>267</v>
      </c>
      <c r="J4" s="3"/>
    </row>
    <row r="5" spans="1:10" s="6" customFormat="1" ht="13.5" customHeight="1" x14ac:dyDescent="0.2">
      <c r="B5" s="7" t="s">
        <v>1</v>
      </c>
      <c r="C5" s="8" t="s">
        <v>2</v>
      </c>
      <c r="D5" s="9" t="s">
        <v>3</v>
      </c>
      <c r="E5" s="10" t="s">
        <v>162</v>
      </c>
      <c r="F5" s="11" t="s">
        <v>4</v>
      </c>
      <c r="G5" s="12" t="s">
        <v>5</v>
      </c>
      <c r="H5" s="13" t="s">
        <v>112</v>
      </c>
      <c r="I5" s="14" t="s">
        <v>163</v>
      </c>
    </row>
    <row r="6" spans="1:10" s="6" customFormat="1" ht="13.5" customHeight="1" x14ac:dyDescent="0.2">
      <c r="B6" s="15" t="s">
        <v>273</v>
      </c>
      <c r="C6" s="16" t="s">
        <v>110</v>
      </c>
      <c r="D6" s="17" t="s">
        <v>164</v>
      </c>
      <c r="E6" s="18" t="s">
        <v>165</v>
      </c>
      <c r="F6" s="19" t="s">
        <v>6</v>
      </c>
      <c r="G6" s="20" t="s">
        <v>7</v>
      </c>
      <c r="H6" s="21" t="s">
        <v>113</v>
      </c>
      <c r="I6" s="22" t="s">
        <v>163</v>
      </c>
    </row>
    <row r="7" spans="1:10" s="6" customFormat="1" ht="13.5" customHeight="1" x14ac:dyDescent="0.2">
      <c r="B7" s="15"/>
      <c r="C7" s="16"/>
      <c r="D7" s="17" t="s">
        <v>166</v>
      </c>
      <c r="E7" s="18" t="s">
        <v>167</v>
      </c>
      <c r="F7" s="19" t="s">
        <v>8</v>
      </c>
      <c r="G7" s="20" t="s">
        <v>9</v>
      </c>
      <c r="H7" s="21" t="s">
        <v>114</v>
      </c>
      <c r="I7" s="22" t="s">
        <v>163</v>
      </c>
    </row>
    <row r="8" spans="1:10" s="6" customFormat="1" ht="13.5" customHeight="1" x14ac:dyDescent="0.2">
      <c r="B8" s="15"/>
      <c r="C8" s="16"/>
      <c r="D8" s="17" t="s">
        <v>168</v>
      </c>
      <c r="E8" s="18" t="s">
        <v>169</v>
      </c>
      <c r="F8" s="19" t="s">
        <v>10</v>
      </c>
      <c r="G8" s="20" t="s">
        <v>11</v>
      </c>
      <c r="H8" s="21" t="s">
        <v>115</v>
      </c>
      <c r="I8" s="22" t="s">
        <v>163</v>
      </c>
    </row>
    <row r="9" spans="1:10" s="6" customFormat="1" ht="13.5" customHeight="1" x14ac:dyDescent="0.2">
      <c r="B9" s="15"/>
      <c r="C9" s="16"/>
      <c r="D9" s="17" t="s">
        <v>170</v>
      </c>
      <c r="E9" s="18" t="s">
        <v>171</v>
      </c>
      <c r="F9" s="19" t="s">
        <v>12</v>
      </c>
      <c r="G9" s="20" t="s">
        <v>13</v>
      </c>
      <c r="H9" s="21" t="s">
        <v>116</v>
      </c>
      <c r="I9" s="22" t="s">
        <v>163</v>
      </c>
    </row>
    <row r="10" spans="1:10" s="6" customFormat="1" ht="13.5" customHeight="1" x14ac:dyDescent="0.2">
      <c r="B10" s="15"/>
      <c r="C10" s="16"/>
      <c r="D10" s="17" t="s">
        <v>172</v>
      </c>
      <c r="E10" s="18" t="s">
        <v>173</v>
      </c>
      <c r="F10" s="19" t="s">
        <v>14</v>
      </c>
      <c r="G10" s="20" t="s">
        <v>15</v>
      </c>
      <c r="H10" s="21" t="s">
        <v>117</v>
      </c>
      <c r="I10" s="22" t="s">
        <v>163</v>
      </c>
    </row>
    <row r="11" spans="1:10" s="6" customFormat="1" ht="13.5" customHeight="1" x14ac:dyDescent="0.2">
      <c r="B11" s="15"/>
      <c r="C11" s="16"/>
      <c r="D11" s="17" t="s">
        <v>174</v>
      </c>
      <c r="E11" s="18" t="s">
        <v>175</v>
      </c>
      <c r="F11" s="19" t="s">
        <v>16</v>
      </c>
      <c r="G11" s="20" t="s">
        <v>17</v>
      </c>
      <c r="H11" s="21" t="s">
        <v>118</v>
      </c>
      <c r="I11" s="22" t="s">
        <v>163</v>
      </c>
    </row>
    <row r="12" spans="1:10" s="6" customFormat="1" ht="13.5" customHeight="1" x14ac:dyDescent="0.2">
      <c r="B12" s="15"/>
      <c r="C12" s="16"/>
      <c r="D12" s="17" t="s">
        <v>176</v>
      </c>
      <c r="E12" s="18" t="s">
        <v>177</v>
      </c>
      <c r="F12" s="19" t="s">
        <v>18</v>
      </c>
      <c r="G12" s="20" t="s">
        <v>19</v>
      </c>
      <c r="H12" s="21" t="s">
        <v>119</v>
      </c>
      <c r="I12" s="22" t="s">
        <v>163</v>
      </c>
    </row>
    <row r="13" spans="1:10" s="6" customFormat="1" ht="13.5" customHeight="1" x14ac:dyDescent="0.2">
      <c r="B13" s="15"/>
      <c r="C13" s="16"/>
      <c r="D13" s="17" t="s">
        <v>178</v>
      </c>
      <c r="E13" s="18" t="s">
        <v>179</v>
      </c>
      <c r="F13" s="19" t="s">
        <v>20</v>
      </c>
      <c r="G13" s="20" t="s">
        <v>21</v>
      </c>
      <c r="H13" s="21" t="s">
        <v>120</v>
      </c>
      <c r="I13" s="22" t="s">
        <v>163</v>
      </c>
    </row>
    <row r="14" spans="1:10" s="6" customFormat="1" ht="13.5" customHeight="1" x14ac:dyDescent="0.2">
      <c r="B14" s="15"/>
      <c r="C14" s="16"/>
      <c r="D14" s="17" t="s">
        <v>258</v>
      </c>
      <c r="E14" s="18" t="s">
        <v>259</v>
      </c>
      <c r="F14" s="19" t="s">
        <v>260</v>
      </c>
      <c r="G14" s="20" t="s">
        <v>261</v>
      </c>
      <c r="H14" s="21" t="s">
        <v>262</v>
      </c>
      <c r="I14" s="22" t="s">
        <v>163</v>
      </c>
    </row>
    <row r="15" spans="1:10" s="6" customFormat="1" ht="13.5" customHeight="1" x14ac:dyDescent="0.2">
      <c r="B15" s="15"/>
      <c r="C15" s="16"/>
      <c r="D15" s="23" t="s">
        <v>274</v>
      </c>
      <c r="E15" s="24" t="s">
        <v>263</v>
      </c>
      <c r="F15" s="25" t="s">
        <v>264</v>
      </c>
      <c r="G15" s="26" t="s">
        <v>265</v>
      </c>
      <c r="H15" s="27" t="s">
        <v>279</v>
      </c>
      <c r="I15" s="28" t="s">
        <v>163</v>
      </c>
    </row>
    <row r="16" spans="1:10" s="6" customFormat="1" ht="13.5" customHeight="1" x14ac:dyDescent="0.2">
      <c r="B16" s="29"/>
      <c r="C16" s="13" t="s">
        <v>22</v>
      </c>
      <c r="D16" s="9" t="s">
        <v>180</v>
      </c>
      <c r="E16" s="10" t="s">
        <v>181</v>
      </c>
      <c r="F16" s="11" t="s">
        <v>23</v>
      </c>
      <c r="G16" s="12" t="s">
        <v>24</v>
      </c>
      <c r="H16" s="13" t="s">
        <v>121</v>
      </c>
      <c r="I16" s="14" t="s">
        <v>163</v>
      </c>
    </row>
    <row r="17" spans="2:9" s="6" customFormat="1" ht="13.5" customHeight="1" x14ac:dyDescent="0.2">
      <c r="B17" s="29"/>
      <c r="C17" s="27" t="s">
        <v>25</v>
      </c>
      <c r="D17" s="17" t="s">
        <v>182</v>
      </c>
      <c r="E17" s="18" t="s">
        <v>183</v>
      </c>
      <c r="F17" s="19" t="s">
        <v>26</v>
      </c>
      <c r="G17" s="20" t="s">
        <v>27</v>
      </c>
      <c r="H17" s="21" t="s">
        <v>122</v>
      </c>
      <c r="I17" s="22" t="s">
        <v>163</v>
      </c>
    </row>
    <row r="18" spans="2:9" s="6" customFormat="1" ht="13.5" customHeight="1" x14ac:dyDescent="0.2">
      <c r="B18" s="29"/>
      <c r="C18" s="27"/>
      <c r="D18" s="17" t="s">
        <v>184</v>
      </c>
      <c r="E18" s="18" t="s">
        <v>185</v>
      </c>
      <c r="F18" s="19" t="s">
        <v>28</v>
      </c>
      <c r="G18" s="20" t="s">
        <v>29</v>
      </c>
      <c r="H18" s="21" t="s">
        <v>123</v>
      </c>
      <c r="I18" s="22" t="s">
        <v>163</v>
      </c>
    </row>
    <row r="19" spans="2:9" s="6" customFormat="1" ht="13.5" customHeight="1" x14ac:dyDescent="0.2">
      <c r="B19" s="29"/>
      <c r="C19" s="27"/>
      <c r="D19" s="17" t="s">
        <v>186</v>
      </c>
      <c r="E19" s="18" t="s">
        <v>187</v>
      </c>
      <c r="F19" s="19" t="s">
        <v>30</v>
      </c>
      <c r="G19" s="20" t="s">
        <v>31</v>
      </c>
      <c r="H19" s="21" t="s">
        <v>124</v>
      </c>
      <c r="I19" s="22" t="s">
        <v>163</v>
      </c>
    </row>
    <row r="20" spans="2:9" s="6" customFormat="1" ht="13.5" customHeight="1" x14ac:dyDescent="0.2">
      <c r="B20" s="29"/>
      <c r="C20" s="30"/>
      <c r="D20" s="31" t="s">
        <v>188</v>
      </c>
      <c r="E20" s="32" t="s">
        <v>189</v>
      </c>
      <c r="F20" s="33" t="s">
        <v>32</v>
      </c>
      <c r="G20" s="34" t="s">
        <v>33</v>
      </c>
      <c r="H20" s="30" t="s">
        <v>125</v>
      </c>
      <c r="I20" s="35" t="s">
        <v>163</v>
      </c>
    </row>
    <row r="21" spans="2:9" s="6" customFormat="1" ht="13.5" customHeight="1" x14ac:dyDescent="0.2">
      <c r="B21" s="29"/>
      <c r="C21" s="27" t="s">
        <v>34</v>
      </c>
      <c r="D21" s="36" t="s">
        <v>190</v>
      </c>
      <c r="E21" s="24" t="s">
        <v>191</v>
      </c>
      <c r="F21" s="25" t="s">
        <v>35</v>
      </c>
      <c r="G21" s="26" t="s">
        <v>36</v>
      </c>
      <c r="H21" s="27" t="s">
        <v>126</v>
      </c>
      <c r="I21" s="37" t="s">
        <v>163</v>
      </c>
    </row>
    <row r="22" spans="2:9" s="6" customFormat="1" ht="13.5" customHeight="1" x14ac:dyDescent="0.2">
      <c r="B22" s="29"/>
      <c r="C22" s="27" t="s">
        <v>0</v>
      </c>
      <c r="D22" s="17" t="s">
        <v>192</v>
      </c>
      <c r="E22" s="18" t="s">
        <v>193</v>
      </c>
      <c r="F22" s="19" t="s">
        <v>37</v>
      </c>
      <c r="G22" s="20" t="s">
        <v>38</v>
      </c>
      <c r="H22" s="21" t="s">
        <v>127</v>
      </c>
      <c r="I22" s="22" t="s">
        <v>163</v>
      </c>
    </row>
    <row r="23" spans="2:9" s="6" customFormat="1" ht="13.5" customHeight="1" x14ac:dyDescent="0.2">
      <c r="B23" s="29"/>
      <c r="C23" s="27"/>
      <c r="D23" s="17" t="s">
        <v>194</v>
      </c>
      <c r="E23" s="18" t="s">
        <v>195</v>
      </c>
      <c r="F23" s="19" t="s">
        <v>39</v>
      </c>
      <c r="G23" s="20" t="s">
        <v>196</v>
      </c>
      <c r="H23" s="21" t="s">
        <v>128</v>
      </c>
      <c r="I23" s="22" t="s">
        <v>163</v>
      </c>
    </row>
    <row r="24" spans="2:9" s="6" customFormat="1" ht="13.5" customHeight="1" x14ac:dyDescent="0.2">
      <c r="B24" s="29"/>
      <c r="C24" s="27"/>
      <c r="D24" s="17" t="s">
        <v>197</v>
      </c>
      <c r="E24" s="18" t="s">
        <v>198</v>
      </c>
      <c r="F24" s="19" t="s">
        <v>40</v>
      </c>
      <c r="G24" s="20" t="s">
        <v>41</v>
      </c>
      <c r="H24" s="21" t="s">
        <v>129</v>
      </c>
      <c r="I24" s="22" t="s">
        <v>163</v>
      </c>
    </row>
    <row r="25" spans="2:9" s="6" customFormat="1" ht="13.5" customHeight="1" x14ac:dyDescent="0.2">
      <c r="B25" s="29"/>
      <c r="C25" s="27"/>
      <c r="D25" s="17" t="s">
        <v>199</v>
      </c>
      <c r="E25" s="18" t="s">
        <v>200</v>
      </c>
      <c r="F25" s="19" t="s">
        <v>42</v>
      </c>
      <c r="G25" s="20" t="s">
        <v>275</v>
      </c>
      <c r="H25" s="21" t="s">
        <v>130</v>
      </c>
      <c r="I25" s="22" t="s">
        <v>163</v>
      </c>
    </row>
    <row r="26" spans="2:9" s="6" customFormat="1" ht="13.5" customHeight="1" x14ac:dyDescent="0.2">
      <c r="B26" s="29"/>
      <c r="C26" s="27"/>
      <c r="D26" s="17" t="s">
        <v>201</v>
      </c>
      <c r="E26" s="18" t="s">
        <v>202</v>
      </c>
      <c r="F26" s="19" t="s">
        <v>43</v>
      </c>
      <c r="G26" s="20" t="s">
        <v>44</v>
      </c>
      <c r="H26" s="21" t="s">
        <v>131</v>
      </c>
      <c r="I26" s="22" t="s">
        <v>163</v>
      </c>
    </row>
    <row r="27" spans="2:9" s="6" customFormat="1" ht="13.5" customHeight="1" x14ac:dyDescent="0.2">
      <c r="B27" s="29"/>
      <c r="C27" s="27"/>
      <c r="D27" s="17" t="s">
        <v>203</v>
      </c>
      <c r="E27" s="18" t="s">
        <v>204</v>
      </c>
      <c r="F27" s="19" t="s">
        <v>45</v>
      </c>
      <c r="G27" s="20" t="s">
        <v>46</v>
      </c>
      <c r="H27" s="21" t="s">
        <v>132</v>
      </c>
      <c r="I27" s="22" t="s">
        <v>163</v>
      </c>
    </row>
    <row r="28" spans="2:9" s="6" customFormat="1" ht="13.5" customHeight="1" x14ac:dyDescent="0.2">
      <c r="B28" s="29"/>
      <c r="C28" s="27"/>
      <c r="D28" s="23" t="s">
        <v>205</v>
      </c>
      <c r="E28" s="24" t="s">
        <v>206</v>
      </c>
      <c r="F28" s="25" t="s">
        <v>47</v>
      </c>
      <c r="G28" s="26" t="s">
        <v>48</v>
      </c>
      <c r="H28" s="27" t="s">
        <v>133</v>
      </c>
      <c r="I28" s="37" t="s">
        <v>163</v>
      </c>
    </row>
    <row r="29" spans="2:9" s="6" customFormat="1" ht="13.5" customHeight="1" x14ac:dyDescent="0.2">
      <c r="B29" s="15"/>
      <c r="C29" s="13" t="s">
        <v>49</v>
      </c>
      <c r="D29" s="9" t="s">
        <v>207</v>
      </c>
      <c r="E29" s="10" t="s">
        <v>208</v>
      </c>
      <c r="F29" s="11" t="s">
        <v>50</v>
      </c>
      <c r="G29" s="12" t="s">
        <v>280</v>
      </c>
      <c r="H29" s="13" t="s">
        <v>134</v>
      </c>
      <c r="I29" s="14" t="s">
        <v>163</v>
      </c>
    </row>
    <row r="30" spans="2:9" s="6" customFormat="1" ht="13.5" customHeight="1" x14ac:dyDescent="0.2">
      <c r="B30" s="15"/>
      <c r="C30" s="27" t="s">
        <v>25</v>
      </c>
      <c r="D30" s="17" t="s">
        <v>209</v>
      </c>
      <c r="E30" s="18" t="s">
        <v>210</v>
      </c>
      <c r="F30" s="19" t="s">
        <v>51</v>
      </c>
      <c r="G30" s="20" t="s">
        <v>52</v>
      </c>
      <c r="H30" s="21" t="s">
        <v>135</v>
      </c>
      <c r="I30" s="22" t="s">
        <v>163</v>
      </c>
    </row>
    <row r="31" spans="2:9" s="6" customFormat="1" ht="13.5" customHeight="1" x14ac:dyDescent="0.2">
      <c r="B31" s="15"/>
      <c r="C31" s="27"/>
      <c r="D31" s="17" t="s">
        <v>211</v>
      </c>
      <c r="E31" s="18" t="s">
        <v>212</v>
      </c>
      <c r="F31" s="19" t="s">
        <v>53</v>
      </c>
      <c r="G31" s="20" t="s">
        <v>54</v>
      </c>
      <c r="H31" s="21" t="s">
        <v>136</v>
      </c>
      <c r="I31" s="22" t="s">
        <v>163</v>
      </c>
    </row>
    <row r="32" spans="2:9" s="6" customFormat="1" ht="13.5" customHeight="1" x14ac:dyDescent="0.2">
      <c r="B32" s="15"/>
      <c r="C32" s="27"/>
      <c r="D32" s="17" t="s">
        <v>213</v>
      </c>
      <c r="E32" s="18" t="s">
        <v>214</v>
      </c>
      <c r="F32" s="19" t="s">
        <v>55</v>
      </c>
      <c r="G32" s="20" t="s">
        <v>276</v>
      </c>
      <c r="H32" s="21" t="s">
        <v>137</v>
      </c>
      <c r="I32" s="22" t="s">
        <v>163</v>
      </c>
    </row>
    <row r="33" spans="2:9" s="6" customFormat="1" ht="13.5" customHeight="1" x14ac:dyDescent="0.2">
      <c r="B33" s="15"/>
      <c r="C33" s="30"/>
      <c r="D33" s="38" t="s">
        <v>215</v>
      </c>
      <c r="E33" s="32" t="s">
        <v>216</v>
      </c>
      <c r="F33" s="33" t="s">
        <v>56</v>
      </c>
      <c r="G33" s="34" t="s">
        <v>277</v>
      </c>
      <c r="H33" s="30" t="s">
        <v>138</v>
      </c>
      <c r="I33" s="35" t="s">
        <v>163</v>
      </c>
    </row>
    <row r="34" spans="2:9" s="6" customFormat="1" ht="13.5" customHeight="1" x14ac:dyDescent="0.2">
      <c r="B34" s="15"/>
      <c r="C34" s="16" t="s">
        <v>57</v>
      </c>
      <c r="D34" s="36" t="s">
        <v>217</v>
      </c>
      <c r="E34" s="24" t="s">
        <v>218</v>
      </c>
      <c r="F34" s="25" t="s">
        <v>58</v>
      </c>
      <c r="G34" s="26" t="s">
        <v>59</v>
      </c>
      <c r="H34" s="27" t="s">
        <v>139</v>
      </c>
      <c r="I34" s="37" t="s">
        <v>163</v>
      </c>
    </row>
    <row r="35" spans="2:9" s="6" customFormat="1" ht="13.5" customHeight="1" x14ac:dyDescent="0.2">
      <c r="B35" s="15"/>
      <c r="C35" s="16" t="s">
        <v>0</v>
      </c>
      <c r="D35" s="17" t="s">
        <v>219</v>
      </c>
      <c r="E35" s="18" t="s">
        <v>220</v>
      </c>
      <c r="F35" s="19" t="s">
        <v>268</v>
      </c>
      <c r="G35" s="20" t="s">
        <v>278</v>
      </c>
      <c r="H35" s="21" t="s">
        <v>140</v>
      </c>
      <c r="I35" s="22" t="s">
        <v>163</v>
      </c>
    </row>
    <row r="36" spans="2:9" s="6" customFormat="1" ht="13.5" customHeight="1" x14ac:dyDescent="0.2">
      <c r="B36" s="15"/>
      <c r="C36" s="16"/>
      <c r="D36" s="17" t="s">
        <v>221</v>
      </c>
      <c r="E36" s="18" t="s">
        <v>222</v>
      </c>
      <c r="F36" s="19" t="s">
        <v>60</v>
      </c>
      <c r="G36" s="20" t="s">
        <v>61</v>
      </c>
      <c r="H36" s="21" t="s">
        <v>141</v>
      </c>
      <c r="I36" s="22" t="s">
        <v>163</v>
      </c>
    </row>
    <row r="37" spans="2:9" s="6" customFormat="1" ht="13.5" customHeight="1" x14ac:dyDescent="0.2">
      <c r="B37" s="15"/>
      <c r="C37" s="16"/>
      <c r="D37" s="17" t="s">
        <v>223</v>
      </c>
      <c r="E37" s="18" t="s">
        <v>224</v>
      </c>
      <c r="F37" s="19" t="s">
        <v>62</v>
      </c>
      <c r="G37" s="20" t="s">
        <v>63</v>
      </c>
      <c r="H37" s="21" t="s">
        <v>142</v>
      </c>
      <c r="I37" s="22" t="s">
        <v>163</v>
      </c>
    </row>
    <row r="38" spans="2:9" s="6" customFormat="1" ht="13.5" customHeight="1" x14ac:dyDescent="0.2">
      <c r="B38" s="15"/>
      <c r="C38" s="16"/>
      <c r="D38" s="17" t="s">
        <v>225</v>
      </c>
      <c r="E38" s="18" t="s">
        <v>226</v>
      </c>
      <c r="F38" s="19" t="s">
        <v>64</v>
      </c>
      <c r="G38" s="20" t="s">
        <v>65</v>
      </c>
      <c r="H38" s="21" t="s">
        <v>143</v>
      </c>
      <c r="I38" s="22" t="s">
        <v>163</v>
      </c>
    </row>
    <row r="39" spans="2:9" s="6" customFormat="1" ht="13.5" customHeight="1" x14ac:dyDescent="0.2">
      <c r="B39" s="15"/>
      <c r="C39" s="16"/>
      <c r="D39" s="17" t="s">
        <v>227</v>
      </c>
      <c r="E39" s="18" t="s">
        <v>228</v>
      </c>
      <c r="F39" s="19" t="s">
        <v>66</v>
      </c>
      <c r="G39" s="20" t="s">
        <v>67</v>
      </c>
      <c r="H39" s="21" t="s">
        <v>144</v>
      </c>
      <c r="I39" s="22" t="s">
        <v>163</v>
      </c>
    </row>
    <row r="40" spans="2:9" s="6" customFormat="1" ht="13.5" customHeight="1" x14ac:dyDescent="0.2">
      <c r="B40" s="15"/>
      <c r="C40" s="16"/>
      <c r="D40" s="17" t="s">
        <v>229</v>
      </c>
      <c r="E40" s="18" t="s">
        <v>230</v>
      </c>
      <c r="F40" s="19" t="s">
        <v>68</v>
      </c>
      <c r="G40" s="20" t="s">
        <v>69</v>
      </c>
      <c r="H40" s="21" t="s">
        <v>145</v>
      </c>
      <c r="I40" s="22" t="s">
        <v>163</v>
      </c>
    </row>
    <row r="41" spans="2:9" s="6" customFormat="1" ht="13.5" customHeight="1" x14ac:dyDescent="0.2">
      <c r="B41" s="15"/>
      <c r="C41" s="27"/>
      <c r="D41" s="36" t="s">
        <v>231</v>
      </c>
      <c r="E41" s="24" t="s">
        <v>232</v>
      </c>
      <c r="F41" s="25" t="s">
        <v>70</v>
      </c>
      <c r="G41" s="26" t="s">
        <v>71</v>
      </c>
      <c r="H41" s="27" t="s">
        <v>146</v>
      </c>
      <c r="I41" s="37" t="s">
        <v>163</v>
      </c>
    </row>
    <row r="42" spans="2:9" s="6" customFormat="1" ht="13.5" customHeight="1" x14ac:dyDescent="0.2">
      <c r="B42" s="15"/>
      <c r="C42" s="13" t="s">
        <v>72</v>
      </c>
      <c r="D42" s="9" t="s">
        <v>233</v>
      </c>
      <c r="E42" s="10" t="s">
        <v>234</v>
      </c>
      <c r="F42" s="11" t="s">
        <v>73</v>
      </c>
      <c r="G42" s="12" t="s">
        <v>74</v>
      </c>
      <c r="H42" s="13" t="s">
        <v>147</v>
      </c>
      <c r="I42" s="14" t="s">
        <v>163</v>
      </c>
    </row>
    <row r="43" spans="2:9" s="6" customFormat="1" ht="13.5" customHeight="1" x14ac:dyDescent="0.2">
      <c r="B43" s="15"/>
      <c r="C43" s="27" t="s">
        <v>109</v>
      </c>
      <c r="D43" s="17" t="s">
        <v>235</v>
      </c>
      <c r="E43" s="18" t="s">
        <v>236</v>
      </c>
      <c r="F43" s="19" t="s">
        <v>281</v>
      </c>
      <c r="G43" s="20" t="s">
        <v>75</v>
      </c>
      <c r="H43" s="21" t="s">
        <v>148</v>
      </c>
      <c r="I43" s="22" t="s">
        <v>163</v>
      </c>
    </row>
    <row r="44" spans="2:9" s="6" customFormat="1" ht="13.5" customHeight="1" x14ac:dyDescent="0.2">
      <c r="B44" s="15"/>
      <c r="C44" s="27"/>
      <c r="D44" s="17" t="s">
        <v>237</v>
      </c>
      <c r="E44" s="18" t="s">
        <v>238</v>
      </c>
      <c r="F44" s="19" t="s">
        <v>76</v>
      </c>
      <c r="G44" s="20" t="s">
        <v>77</v>
      </c>
      <c r="H44" s="21" t="s">
        <v>149</v>
      </c>
      <c r="I44" s="22" t="s">
        <v>163</v>
      </c>
    </row>
    <row r="45" spans="2:9" s="6" customFormat="1" ht="13.5" customHeight="1" x14ac:dyDescent="0.2">
      <c r="B45" s="15"/>
      <c r="C45" s="27"/>
      <c r="D45" s="17" t="s">
        <v>239</v>
      </c>
      <c r="E45" s="18" t="s">
        <v>240</v>
      </c>
      <c r="F45" s="19" t="s">
        <v>78</v>
      </c>
      <c r="G45" s="20" t="s">
        <v>79</v>
      </c>
      <c r="H45" s="21" t="s">
        <v>150</v>
      </c>
      <c r="I45" s="22" t="s">
        <v>163</v>
      </c>
    </row>
    <row r="46" spans="2:9" s="6" customFormat="1" ht="13.5" customHeight="1" x14ac:dyDescent="0.2">
      <c r="B46" s="15"/>
      <c r="C46" s="27"/>
      <c r="D46" s="17" t="s">
        <v>241</v>
      </c>
      <c r="E46" s="18" t="s">
        <v>242</v>
      </c>
      <c r="F46" s="19" t="s">
        <v>80</v>
      </c>
      <c r="G46" s="20" t="s">
        <v>81</v>
      </c>
      <c r="H46" s="21" t="s">
        <v>151</v>
      </c>
      <c r="I46" s="22" t="s">
        <v>163</v>
      </c>
    </row>
    <row r="47" spans="2:9" s="6" customFormat="1" ht="13.5" customHeight="1" x14ac:dyDescent="0.2">
      <c r="B47" s="15"/>
      <c r="C47" s="27"/>
      <c r="D47" s="17" t="s">
        <v>243</v>
      </c>
      <c r="E47" s="18" t="s">
        <v>244</v>
      </c>
      <c r="F47" s="19" t="s">
        <v>82</v>
      </c>
      <c r="G47" s="20" t="s">
        <v>83</v>
      </c>
      <c r="H47" s="21" t="s">
        <v>152</v>
      </c>
      <c r="I47" s="22" t="s">
        <v>163</v>
      </c>
    </row>
    <row r="48" spans="2:9" s="6" customFormat="1" ht="13.5" customHeight="1" x14ac:dyDescent="0.2">
      <c r="B48" s="15"/>
      <c r="C48" s="30"/>
      <c r="D48" s="31" t="s">
        <v>245</v>
      </c>
      <c r="E48" s="32" t="s">
        <v>246</v>
      </c>
      <c r="F48" s="33" t="s">
        <v>84</v>
      </c>
      <c r="G48" s="34" t="s">
        <v>85</v>
      </c>
      <c r="H48" s="30" t="s">
        <v>153</v>
      </c>
      <c r="I48" s="35" t="s">
        <v>163</v>
      </c>
    </row>
    <row r="49" spans="2:9" s="6" customFormat="1" ht="13.5" customHeight="1" x14ac:dyDescent="0.2">
      <c r="B49" s="15"/>
      <c r="C49" s="16" t="s">
        <v>86</v>
      </c>
      <c r="D49" s="36" t="s">
        <v>247</v>
      </c>
      <c r="E49" s="24" t="s">
        <v>248</v>
      </c>
      <c r="F49" s="25" t="s">
        <v>87</v>
      </c>
      <c r="G49" s="26" t="s">
        <v>88</v>
      </c>
      <c r="H49" s="27" t="s">
        <v>154</v>
      </c>
      <c r="I49" s="37" t="s">
        <v>163</v>
      </c>
    </row>
    <row r="50" spans="2:9" s="6" customFormat="1" ht="13.5" customHeight="1" x14ac:dyDescent="0.2">
      <c r="B50" s="15"/>
      <c r="C50" s="16" t="s">
        <v>0</v>
      </c>
      <c r="D50" s="17" t="s">
        <v>249</v>
      </c>
      <c r="E50" s="18" t="s">
        <v>250</v>
      </c>
      <c r="F50" s="19" t="s">
        <v>89</v>
      </c>
      <c r="G50" s="20" t="s">
        <v>90</v>
      </c>
      <c r="H50" s="21" t="s">
        <v>155</v>
      </c>
      <c r="I50" s="22" t="s">
        <v>163</v>
      </c>
    </row>
    <row r="51" spans="2:9" s="6" customFormat="1" ht="13.5" customHeight="1" x14ac:dyDescent="0.2">
      <c r="B51" s="15"/>
      <c r="C51" s="16"/>
      <c r="D51" s="17" t="s">
        <v>251</v>
      </c>
      <c r="E51" s="18" t="s">
        <v>252</v>
      </c>
      <c r="F51" s="19" t="s">
        <v>91</v>
      </c>
      <c r="G51" s="20" t="s">
        <v>92</v>
      </c>
      <c r="H51" s="21" t="s">
        <v>156</v>
      </c>
      <c r="I51" s="22" t="s">
        <v>163</v>
      </c>
    </row>
    <row r="52" spans="2:9" s="6" customFormat="1" ht="13.5" customHeight="1" x14ac:dyDescent="0.2">
      <c r="B52" s="15"/>
      <c r="C52" s="16"/>
      <c r="D52" s="17" t="s">
        <v>93</v>
      </c>
      <c r="E52" s="18" t="s">
        <v>253</v>
      </c>
      <c r="F52" s="19" t="s">
        <v>94</v>
      </c>
      <c r="G52" s="20" t="s">
        <v>95</v>
      </c>
      <c r="H52" s="21" t="s">
        <v>157</v>
      </c>
      <c r="I52" s="22" t="s">
        <v>163</v>
      </c>
    </row>
    <row r="53" spans="2:9" s="6" customFormat="1" ht="13.5" customHeight="1" x14ac:dyDescent="0.2">
      <c r="B53" s="15"/>
      <c r="C53" s="16"/>
      <c r="D53" s="17" t="s">
        <v>254</v>
      </c>
      <c r="E53" s="18" t="s">
        <v>255</v>
      </c>
      <c r="F53" s="19" t="s">
        <v>94</v>
      </c>
      <c r="G53" s="20" t="s">
        <v>96</v>
      </c>
      <c r="H53" s="21" t="s">
        <v>158</v>
      </c>
      <c r="I53" s="22" t="s">
        <v>163</v>
      </c>
    </row>
    <row r="54" spans="2:9" s="6" customFormat="1" ht="13.5" customHeight="1" x14ac:dyDescent="0.2">
      <c r="B54" s="15"/>
      <c r="C54" s="16"/>
      <c r="D54" s="17" t="s">
        <v>101</v>
      </c>
      <c r="E54" s="18" t="s">
        <v>269</v>
      </c>
      <c r="F54" s="19" t="s">
        <v>102</v>
      </c>
      <c r="G54" s="20" t="s">
        <v>103</v>
      </c>
      <c r="H54" s="21" t="s">
        <v>161</v>
      </c>
      <c r="I54" s="22" t="s">
        <v>270</v>
      </c>
    </row>
    <row r="55" spans="2:9" s="6" customFormat="1" ht="13.5" customHeight="1" x14ac:dyDescent="0.2">
      <c r="B55" s="15"/>
      <c r="C55" s="16"/>
      <c r="D55" s="17" t="s">
        <v>256</v>
      </c>
      <c r="E55" s="18" t="s">
        <v>257</v>
      </c>
      <c r="F55" s="19" t="s">
        <v>97</v>
      </c>
      <c r="G55" s="20" t="s">
        <v>98</v>
      </c>
      <c r="H55" s="21" t="s">
        <v>159</v>
      </c>
      <c r="I55" s="22" t="s">
        <v>163</v>
      </c>
    </row>
    <row r="56" spans="2:9" s="6" customFormat="1" ht="13.5" customHeight="1" thickBot="1" x14ac:dyDescent="0.25">
      <c r="B56" s="39"/>
      <c r="C56" s="40"/>
      <c r="D56" s="41" t="s">
        <v>99</v>
      </c>
      <c r="E56" s="42" t="s">
        <v>271</v>
      </c>
      <c r="F56" s="43" t="s">
        <v>272</v>
      </c>
      <c r="G56" s="44" t="s">
        <v>100</v>
      </c>
      <c r="H56" s="40" t="s">
        <v>160</v>
      </c>
      <c r="I56" s="45" t="s">
        <v>270</v>
      </c>
    </row>
  </sheetData>
  <mergeCells count="2">
    <mergeCell ref="B4:C4"/>
    <mergeCell ref="H3:I3"/>
  </mergeCells>
  <phoneticPr fontId="1"/>
  <dataValidations count="1">
    <dataValidation type="custom" allowBlank="1" showInputMessage="1" showErrorMessage="1" error="登録済みです！" sqref="E38 E5:E34">
      <formula1>COUNTIF(I:I,E5)&lt;2</formula1>
    </dataValidation>
  </dataValidations>
  <printOptions horizontalCentered="1"/>
  <pageMargins left="0.78740157480314965" right="0.39370078740157483" top="0.59055118110236227" bottom="0.59055118110236227" header="0" footer="0"/>
  <pageSetup paperSize="9" scale="6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中学校（川崎市）</vt:lpstr>
      <vt:lpstr>'中学校（川崎市）'!Print_Area</vt:lpstr>
      <vt:lpstr>'中学校（川崎市）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0-03-29T05:56:52Z</cp:lastPrinted>
  <dcterms:created xsi:type="dcterms:W3CDTF">2009-12-22T05:33:52Z</dcterms:created>
  <dcterms:modified xsi:type="dcterms:W3CDTF">2024-03-26T06:45:25Z</dcterms:modified>
</cp:coreProperties>
</file>